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3. Lieky - 49 častí\2. Príprava\PT\"/>
    </mc:Choice>
  </mc:AlternateContent>
  <bookViews>
    <workbookView xWindow="0" yWindow="0" windowWidth="23040" windowHeight="9195"/>
  </bookViews>
  <sheets>
    <sheet name="Prieskum trhu_Špecifikácia PZ" sheetId="8" r:id="rId1"/>
  </sheets>
  <definedNames>
    <definedName name="_xlnm.Print_Area" localSheetId="0">'Prieskum trhu_Špecifikácia PZ'!$A$1:$E$1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3" uniqueCount="187"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Nie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tovar, služba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viď bod 4. TECHNICKÁ ŠPECIFIKÁCIA PREDMETU ZÁKAZKY</t>
  </si>
  <si>
    <t xml:space="preserve">5. MINIMÁLNE OSOBITNÉ POŽIADAVKY NA PREDMET ZÁKAZKY A DOKLADY </t>
  </si>
  <si>
    <t xml:space="preserve">Lieky pre potreby VÚSCH, a.s. </t>
  </si>
  <si>
    <t>Lieky pre potreby VÚSCH, a.s. rôznych ATC skupín.</t>
  </si>
  <si>
    <t xml:space="preserve">Áno - 44 častí </t>
  </si>
  <si>
    <t>Časť č. 1</t>
  </si>
  <si>
    <t>Časť č. 2</t>
  </si>
  <si>
    <t>Časť č. 3</t>
  </si>
  <si>
    <t>Časť č. 4</t>
  </si>
  <si>
    <t>Časť č. 5</t>
  </si>
  <si>
    <t>Časť č. 6</t>
  </si>
  <si>
    <t>Časť č. 7</t>
  </si>
  <si>
    <t>Časť č. 8</t>
  </si>
  <si>
    <t>Časť č. 9</t>
  </si>
  <si>
    <t>Časť č. 10</t>
  </si>
  <si>
    <t>Časť č. 11</t>
  </si>
  <si>
    <t>Časť č. 12</t>
  </si>
  <si>
    <t>Časť č. 13</t>
  </si>
  <si>
    <t>Časť č. 14</t>
  </si>
  <si>
    <t>Časť č. 15</t>
  </si>
  <si>
    <t>Časť č. 16</t>
  </si>
  <si>
    <t>Časť č. 17</t>
  </si>
  <si>
    <t>Časť č. 18</t>
  </si>
  <si>
    <t>Časť č. 19</t>
  </si>
  <si>
    <t>Časť č. 20</t>
  </si>
  <si>
    <t>Časť č. 21</t>
  </si>
  <si>
    <t>Časť č. 22</t>
  </si>
  <si>
    <t>Časť č. 23</t>
  </si>
  <si>
    <t>Časť č. 24</t>
  </si>
  <si>
    <t>Časť č. 25</t>
  </si>
  <si>
    <t>Časť č. 26</t>
  </si>
  <si>
    <t>Časť č. 27</t>
  </si>
  <si>
    <t>Časť č. 28</t>
  </si>
  <si>
    <t>Časť č. 29</t>
  </si>
  <si>
    <t>Časť č. 30</t>
  </si>
  <si>
    <t>Časť č. 31</t>
  </si>
  <si>
    <t>Časť č. 32</t>
  </si>
  <si>
    <t>Časť č. 33</t>
  </si>
  <si>
    <t>Časť č. 34</t>
  </si>
  <si>
    <t>Časť č. 35</t>
  </si>
  <si>
    <t>Časť č. 36</t>
  </si>
  <si>
    <t>Časť č. 37</t>
  </si>
  <si>
    <t>Časť č. 38</t>
  </si>
  <si>
    <t>Časť č. 39</t>
  </si>
  <si>
    <t>Časť č. 40</t>
  </si>
  <si>
    <t>Časť č. 41</t>
  </si>
  <si>
    <t>Časť č. 42</t>
  </si>
  <si>
    <t>Časť č. 43</t>
  </si>
  <si>
    <t>Časť č. 44</t>
  </si>
  <si>
    <t>Názov ATC skupiny</t>
  </si>
  <si>
    <t>ATC skupina</t>
  </si>
  <si>
    <t>Predpokladané množstvo MJ obdobie
36 mesiacov</t>
  </si>
  <si>
    <t>Názov účinnej látky</t>
  </si>
  <si>
    <t>Altepláza</t>
  </si>
  <si>
    <t>B01AD02</t>
  </si>
  <si>
    <t>Nadroparin</t>
  </si>
  <si>
    <t>B01AB06</t>
  </si>
  <si>
    <t>NADROPARIN</t>
  </si>
  <si>
    <t>Enoxaparín</t>
  </si>
  <si>
    <t>B01AB05</t>
  </si>
  <si>
    <t xml:space="preserve">ENOXAPARIN </t>
  </si>
  <si>
    <t>Eptifibatid</t>
  </si>
  <si>
    <t>B01AC16</t>
  </si>
  <si>
    <t xml:space="preserve">EPTIFIBATID  </t>
  </si>
  <si>
    <t>Heparín</t>
  </si>
  <si>
    <t>B01AB01</t>
  </si>
  <si>
    <t xml:space="preserve">HEPARÍN </t>
  </si>
  <si>
    <t>Urapidil</t>
  </si>
  <si>
    <t>C02CA06</t>
  </si>
  <si>
    <t xml:space="preserve">URAPIDIL </t>
  </si>
  <si>
    <t>Propofol</t>
  </si>
  <si>
    <t>N01AX10</t>
  </si>
  <si>
    <t xml:space="preserve">PROPOFOL </t>
  </si>
  <si>
    <t>Amidy</t>
  </si>
  <si>
    <t>N01BB</t>
  </si>
  <si>
    <t xml:space="preserve">Trimekaíniumchlorid </t>
  </si>
  <si>
    <t>Sevoflurán</t>
  </si>
  <si>
    <t>N01AB08</t>
  </si>
  <si>
    <t>SEVOFLURAN 100%</t>
  </si>
  <si>
    <t>Norepinefrín</t>
  </si>
  <si>
    <t>C01CA03</t>
  </si>
  <si>
    <t xml:space="preserve">NOREPINEFRÍN </t>
  </si>
  <si>
    <t>Isosorbiddinitrát</t>
  </si>
  <si>
    <t>C01DA08</t>
  </si>
  <si>
    <t xml:space="preserve">IZOSORBIDDINITRÁT </t>
  </si>
  <si>
    <t>Levosimendan</t>
  </si>
  <si>
    <t>C01CX08</t>
  </si>
  <si>
    <t xml:space="preserve">LEVOSIMENDAN      </t>
  </si>
  <si>
    <t>Kreatinolfosfát</t>
  </si>
  <si>
    <t>C01EB05</t>
  </si>
  <si>
    <t>KREATÍNOLFOSFÁT</t>
  </si>
  <si>
    <t>Milrinón</t>
  </si>
  <si>
    <t>C01CE02</t>
  </si>
  <si>
    <t>Kyselina tranexámová</t>
  </si>
  <si>
    <t>B02AA02</t>
  </si>
  <si>
    <t>KOAGULAČNÉ FAKTORY IX, II, VII A X V KOMBINÁCII</t>
  </si>
  <si>
    <t>B02BD01</t>
  </si>
  <si>
    <t>Ľudský fibrinogén</t>
  </si>
  <si>
    <t>B02BB01</t>
  </si>
  <si>
    <t>Hydrokortizón</t>
  </si>
  <si>
    <t>H02AB09</t>
  </si>
  <si>
    <t>Náhrada krvi a plazmatické bielkoviny</t>
  </si>
  <si>
    <t>B05AA</t>
  </si>
  <si>
    <t>Albumín</t>
  </si>
  <si>
    <t>B05AA01</t>
  </si>
  <si>
    <t>Protamín</t>
  </si>
  <si>
    <t>V03AB14</t>
  </si>
  <si>
    <t xml:space="preserve">PROTAMINIUM - SULFÁT </t>
  </si>
  <si>
    <t>Dexmedetomidín</t>
  </si>
  <si>
    <t>N05CM18</t>
  </si>
  <si>
    <t xml:space="preserve">DEXMEDETOMIDÍN  </t>
  </si>
  <si>
    <t>Atrakurium</t>
  </si>
  <si>
    <t>M03AC04</t>
  </si>
  <si>
    <t xml:space="preserve">ATRAKURIUM </t>
  </si>
  <si>
    <t>Furosemid</t>
  </si>
  <si>
    <t>C03CA01</t>
  </si>
  <si>
    <t>Síran horečnatý</t>
  </si>
  <si>
    <t>A12CC02</t>
  </si>
  <si>
    <t>Chlorid vápenatý</t>
  </si>
  <si>
    <t>B05XA07</t>
  </si>
  <si>
    <t>Kyselina askorbová</t>
  </si>
  <si>
    <t>A11GA01</t>
  </si>
  <si>
    <t xml:space="preserve">KYSELINA ASKORBOVÁ </t>
  </si>
  <si>
    <t>Pitofenón a analgetiká</t>
  </si>
  <si>
    <t>A03DA02</t>
  </si>
  <si>
    <t xml:space="preserve">Pitofenón kombinovaný s analgetikami </t>
  </si>
  <si>
    <t>Pantoprazol</t>
  </si>
  <si>
    <t>A02BC02</t>
  </si>
  <si>
    <t>PANTOPRAZOL</t>
  </si>
  <si>
    <r>
      <t xml:space="preserve">Požadované minimálne osta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>2</t>
  </si>
  <si>
    <t>3</t>
  </si>
  <si>
    <t>Doklad - Súhrn charakteristických vlastností lieku</t>
  </si>
  <si>
    <t>Všetky lieky musia byť zaregistrované/zaevidované v Štátnom ústave pre kontrolu liečiv. Doklad ŠUKL.</t>
  </si>
  <si>
    <t>Uchádzač musí mať platné Povolenie na výrobu humánnych liekov alebo platné Povolenie na veľkodistribúciu humánnych liekov podľa zákona č. 362/2011 Z. z. o liekoch a zdravotníckych pomôckach a o zmene a doplnení niektorých zákonov, resp. iný ekvivalentný doklad, ktorý nahrádza požadované povolenie.</t>
  </si>
  <si>
    <t>33621100-0 Antitrombotické činidlá</t>
  </si>
  <si>
    <t>33622200-8 Antihypertenzíva</t>
  </si>
  <si>
    <t>33661100-2 Anestetiká</t>
  </si>
  <si>
    <t>33622000-6 Liečivá pre srdcovocievny systém</t>
  </si>
  <si>
    <t>33621200-1 Antihemoragiká</t>
  </si>
  <si>
    <t>33642200-4 Kortikosteroidy na systémové použitie</t>
  </si>
  <si>
    <t>33620000-2 Liečivá pre krv, krvotvorné orgány a srdcovocievny systém</t>
  </si>
  <si>
    <t>33661500-6 Psycholeptiká</t>
  </si>
  <si>
    <t>33622300-9 Diuretiká</t>
  </si>
  <si>
    <t>33617000-8 Minerálne doplnky</t>
  </si>
  <si>
    <t>33616000-1 Vitamíny</t>
  </si>
  <si>
    <t>33612000-3 Liečivá pre funkčné gastrointestinálne poruchy</t>
  </si>
  <si>
    <t>2. FUNKČNÁ ŠPECIFIKÁCIA PREDMETU ZÁKAZKY</t>
  </si>
  <si>
    <t xml:space="preserve">6. Prílohy PT </t>
  </si>
  <si>
    <t>1. Kalkulácia ceny - podpísaná</t>
  </si>
  <si>
    <t>2. Kalkulácia ceny - vo formáte excel</t>
  </si>
  <si>
    <t>33690000-3 Rôzne liečivá</t>
  </si>
  <si>
    <t>33632200-1 Svalové relaxanciá</t>
  </si>
  <si>
    <t xml:space="preserve">3. ROZDELENIE PREDMETU ZÁKAZK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6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5" xfId="5" applyFont="1" applyFill="1" applyBorder="1" applyAlignment="1" applyProtection="1">
      <alignment horizontal="right" vertical="center" wrapText="1"/>
      <protection locked="0"/>
    </xf>
    <xf numFmtId="0" fontId="11" fillId="2" borderId="5" xfId="0" applyNumberFormat="1" applyFont="1" applyFill="1" applyBorder="1" applyAlignment="1" applyProtection="1">
      <alignment horizontal="left" vertical="center" wrapText="1"/>
      <protection locked="0"/>
    </xf>
    <xf numFmtId="0" fontId="7" fillId="2" borderId="5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5" borderId="0" xfId="0" applyNumberFormat="1" applyFont="1" applyFill="1" applyAlignment="1" applyProtection="1">
      <alignment horizontal="left" vertical="top" wrapText="1"/>
      <protection locked="0"/>
    </xf>
    <xf numFmtId="0" fontId="2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0" borderId="5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6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5" borderId="5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1" xfId="0" applyFont="1" applyFill="1" applyBorder="1" applyAlignment="1" applyProtection="1">
      <alignment horizontal="left" vertical="center" wrapText="1"/>
      <protection locked="0"/>
    </xf>
    <xf numFmtId="0" fontId="3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wrapText="1"/>
    </xf>
    <xf numFmtId="0" fontId="2" fillId="0" borderId="0" xfId="0" applyFont="1" applyBorder="1" applyAlignment="1">
      <alignment horizontal="left" vertical="center" wrapText="1"/>
    </xf>
    <xf numFmtId="0" fontId="2" fillId="3" borderId="7" xfId="0" applyFont="1" applyFill="1" applyBorder="1" applyAlignment="1" applyProtection="1">
      <alignment horizontal="left" vertical="top" wrapText="1"/>
      <protection locked="0"/>
    </xf>
    <xf numFmtId="0" fontId="2" fillId="3" borderId="13" xfId="0" applyFont="1" applyFill="1" applyBorder="1" applyAlignment="1" applyProtection="1">
      <alignment horizontal="left" vertical="top" wrapText="1"/>
      <protection locked="0"/>
    </xf>
    <xf numFmtId="0" fontId="2" fillId="3" borderId="8" xfId="0" applyFont="1" applyFill="1" applyBorder="1" applyAlignment="1" applyProtection="1">
      <alignment horizontal="center" vertical="top" wrapText="1"/>
      <protection locked="0"/>
    </xf>
    <xf numFmtId="0" fontId="2" fillId="3" borderId="9" xfId="0" applyFont="1" applyFill="1" applyBorder="1" applyAlignment="1" applyProtection="1">
      <alignment horizontal="center" vertical="top" wrapText="1"/>
      <protection locked="0"/>
    </xf>
    <xf numFmtId="0" fontId="2" fillId="0" borderId="3" xfId="0" applyFont="1" applyFill="1" applyBorder="1" applyAlignment="1" applyProtection="1">
      <alignment vertical="center" wrapText="1"/>
      <protection locked="0"/>
    </xf>
    <xf numFmtId="3" fontId="4" fillId="5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14" xfId="0" applyFont="1" applyFill="1" applyBorder="1" applyAlignment="1" applyProtection="1">
      <alignment vertical="center" wrapText="1"/>
      <protection locked="0"/>
    </xf>
    <xf numFmtId="0" fontId="4" fillId="0" borderId="15" xfId="0" applyFont="1" applyFill="1" applyBorder="1" applyAlignment="1" applyProtection="1">
      <alignment horizontal="left" vertical="center" wrapText="1"/>
      <protection locked="0"/>
    </xf>
    <xf numFmtId="0" fontId="2" fillId="0" borderId="16" xfId="0" applyFont="1" applyFill="1" applyBorder="1" applyAlignment="1" applyProtection="1">
      <alignment horizontal="center" vertical="center" wrapText="1"/>
      <protection locked="0"/>
    </xf>
    <xf numFmtId="3" fontId="4" fillId="5" borderId="16" xfId="0" applyNumberFormat="1" applyFont="1" applyFill="1" applyBorder="1" applyAlignment="1" applyProtection="1">
      <alignment horizontal="center" vertical="center" wrapText="1"/>
      <protection locked="0"/>
    </xf>
    <xf numFmtId="3" fontId="4" fillId="5" borderId="17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3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14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0" fontId="4" fillId="0" borderId="0" xfId="0" applyFont="1" applyFill="1" applyAlignment="1" applyProtection="1">
      <alignment horizontal="left" vertical="top"/>
      <protection locked="0"/>
    </xf>
    <xf numFmtId="0" fontId="4" fillId="0" borderId="0" xfId="0" applyFont="1" applyFill="1" applyAlignment="1" applyProtection="1">
      <alignment horizontal="center" vertical="top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5" borderId="0" xfId="0" applyFont="1" applyFill="1" applyAlignment="1" applyProtection="1">
      <alignment horizontal="left" vertical="top" wrapText="1"/>
      <protection locked="0"/>
    </xf>
    <xf numFmtId="0" fontId="3" fillId="5" borderId="0" xfId="0" applyFont="1" applyFill="1" applyAlignment="1" applyProtection="1">
      <alignment horizontal="left" vertical="center" wrapText="1"/>
      <protection locked="0"/>
    </xf>
    <xf numFmtId="49" fontId="5" fillId="2" borderId="10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1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2" xfId="0" applyNumberFormat="1" applyFont="1" applyFill="1" applyBorder="1" applyAlignment="1" applyProtection="1">
      <alignment horizontal="center" vertical="center" wrapText="1"/>
      <protection locked="0"/>
    </xf>
    <xf numFmtId="0" fontId="2" fillId="5" borderId="5" xfId="0" applyFont="1" applyFill="1" applyBorder="1" applyAlignment="1" applyProtection="1">
      <alignment horizontal="left" vertical="center" wrapText="1"/>
      <protection locked="0"/>
    </xf>
    <xf numFmtId="0" fontId="2" fillId="5" borderId="4" xfId="0" applyFont="1" applyFill="1" applyBorder="1" applyAlignment="1" applyProtection="1">
      <alignment horizontal="left" vertical="center" wrapText="1"/>
      <protection locked="0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left" vertical="center" wrapText="1"/>
      <protection locked="0"/>
    </xf>
    <xf numFmtId="0" fontId="2" fillId="5" borderId="17" xfId="0" applyFont="1" applyFill="1" applyBorder="1" applyAlignment="1" applyProtection="1">
      <alignment horizontal="left" vertical="center" wrapText="1"/>
      <protection locked="0"/>
    </xf>
    <xf numFmtId="49" fontId="3" fillId="2" borderId="7" xfId="0" applyNumberFormat="1" applyFont="1" applyFill="1" applyBorder="1" applyAlignment="1" applyProtection="1">
      <alignment horizontal="left" vertical="top" wrapText="1"/>
      <protection locked="0"/>
    </xf>
    <xf numFmtId="49" fontId="3" fillId="2" borderId="8" xfId="0" applyNumberFormat="1" applyFont="1" applyFill="1" applyBorder="1" applyAlignment="1" applyProtection="1">
      <alignment horizontal="left" vertical="top" wrapText="1"/>
      <protection locked="0"/>
    </xf>
    <xf numFmtId="49" fontId="3" fillId="2" borderId="9" xfId="0" applyNumberFormat="1" applyFont="1" applyFill="1" applyBorder="1" applyAlignment="1" applyProtection="1">
      <alignment horizontal="left" vertical="top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0" fontId="12" fillId="0" borderId="2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49" fontId="2" fillId="0" borderId="0" xfId="0" applyNumberFormat="1" applyFont="1" applyFill="1" applyAlignment="1" applyProtection="1">
      <alignment horizontal="left" vertical="center" wrapText="1"/>
      <protection locked="0"/>
    </xf>
    <xf numFmtId="0" fontId="4" fillId="5" borderId="0" xfId="0" applyFont="1" applyFill="1" applyAlignment="1" applyProtection="1">
      <alignment horizontal="left" vertical="top" wrapText="1"/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checked="Checked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33</xdr:row>
          <xdr:rowOff>0</xdr:rowOff>
        </xdr:from>
        <xdr:to>
          <xdr:col>0</xdr:col>
          <xdr:colOff>885825</xdr:colOff>
          <xdr:row>33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34</xdr:row>
          <xdr:rowOff>9525</xdr:rowOff>
        </xdr:from>
        <xdr:to>
          <xdr:col>0</xdr:col>
          <xdr:colOff>885825</xdr:colOff>
          <xdr:row>34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39</xdr:row>
          <xdr:rowOff>9525</xdr:rowOff>
        </xdr:from>
        <xdr:to>
          <xdr:col>0</xdr:col>
          <xdr:colOff>885825</xdr:colOff>
          <xdr:row>39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40</xdr:row>
          <xdr:rowOff>0</xdr:rowOff>
        </xdr:from>
        <xdr:to>
          <xdr:col>0</xdr:col>
          <xdr:colOff>885825</xdr:colOff>
          <xdr:row>41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I133"/>
  <sheetViews>
    <sheetView showGridLines="0" tabSelected="1" zoomScale="90" zoomScaleNormal="90" workbookViewId="0">
      <selection activeCell="M32" sqref="M32"/>
    </sheetView>
  </sheetViews>
  <sheetFormatPr defaultRowHeight="12.75" x14ac:dyDescent="0.2"/>
  <cols>
    <col min="1" max="1" width="21.5703125" style="10" customWidth="1"/>
    <col min="2" max="2" width="36.85546875" style="10" customWidth="1"/>
    <col min="3" max="3" width="36.42578125" style="25" customWidth="1"/>
    <col min="4" max="4" width="16.7109375" style="25" customWidth="1"/>
    <col min="5" max="5" width="19.7109375" style="15" customWidth="1"/>
    <col min="6" max="16384" width="9.140625" style="10"/>
  </cols>
  <sheetData>
    <row r="1" spans="1:5" ht="24.95" customHeight="1" x14ac:dyDescent="0.2">
      <c r="A1" s="12" t="s">
        <v>26</v>
      </c>
      <c r="B1" s="13"/>
      <c r="C1" s="44"/>
      <c r="D1" s="44"/>
      <c r="E1" s="44"/>
    </row>
    <row r="2" spans="1:5" ht="24.95" customHeight="1" x14ac:dyDescent="0.2">
      <c r="A2" s="12" t="s">
        <v>25</v>
      </c>
      <c r="B2" s="14"/>
      <c r="C2" s="44"/>
      <c r="D2" s="44"/>
      <c r="E2" s="44"/>
    </row>
    <row r="3" spans="1:5" ht="15.75" customHeight="1" x14ac:dyDescent="0.2">
      <c r="A3" s="44"/>
      <c r="B3" s="44"/>
      <c r="C3" s="44"/>
      <c r="D3" s="44"/>
      <c r="E3" s="44"/>
    </row>
    <row r="4" spans="1:5" s="15" customFormat="1" ht="20.100000000000001" customHeight="1" x14ac:dyDescent="0.25">
      <c r="A4" s="82" t="s">
        <v>2</v>
      </c>
      <c r="B4" s="82"/>
      <c r="C4" s="82"/>
      <c r="D4" s="82"/>
      <c r="E4" s="82"/>
    </row>
    <row r="5" spans="1:5" s="15" customFormat="1" ht="20.100000000000001" customHeight="1" x14ac:dyDescent="0.25">
      <c r="A5" s="90" t="s">
        <v>4</v>
      </c>
      <c r="B5" s="90"/>
      <c r="C5" s="90"/>
      <c r="D5" s="90"/>
      <c r="E5" s="90"/>
    </row>
    <row r="6" spans="1:5" ht="28.5" customHeight="1" x14ac:dyDescent="0.2">
      <c r="A6" s="91" t="s">
        <v>35</v>
      </c>
      <c r="B6" s="91"/>
      <c r="C6" s="91"/>
      <c r="D6" s="91"/>
      <c r="E6" s="91"/>
    </row>
    <row r="7" spans="1:5" ht="4.5" customHeight="1" x14ac:dyDescent="0.2">
      <c r="A7" s="16"/>
      <c r="B7" s="16"/>
      <c r="C7" s="16"/>
      <c r="D7" s="16"/>
      <c r="E7" s="16"/>
    </row>
    <row r="8" spans="1:5" s="15" customFormat="1" ht="20.100000000000001" customHeight="1" x14ac:dyDescent="0.25">
      <c r="A8" s="92" t="s">
        <v>5</v>
      </c>
      <c r="B8" s="92"/>
      <c r="C8" s="92"/>
      <c r="D8" s="92"/>
      <c r="E8" s="92"/>
    </row>
    <row r="9" spans="1:5" s="15" customFormat="1" ht="20.100000000000001" customHeight="1" x14ac:dyDescent="0.25">
      <c r="A9" s="93" t="s">
        <v>168</v>
      </c>
      <c r="B9" s="93"/>
      <c r="C9" s="93"/>
      <c r="D9" s="49"/>
      <c r="E9" s="49"/>
    </row>
    <row r="10" spans="1:5" s="15" customFormat="1" ht="20.100000000000001" customHeight="1" x14ac:dyDescent="0.25">
      <c r="A10" s="93" t="s">
        <v>169</v>
      </c>
      <c r="B10" s="93"/>
      <c r="C10" s="68"/>
      <c r="D10" s="64"/>
      <c r="E10" s="64"/>
    </row>
    <row r="11" spans="1:5" s="15" customFormat="1" ht="20.100000000000001" customHeight="1" x14ac:dyDescent="0.25">
      <c r="A11" s="68" t="s">
        <v>170</v>
      </c>
      <c r="B11" s="68"/>
      <c r="C11" s="68"/>
      <c r="D11" s="64"/>
      <c r="E11" s="64"/>
    </row>
    <row r="12" spans="1:5" s="18" customFormat="1" ht="20.100000000000001" customHeight="1" x14ac:dyDescent="0.25">
      <c r="A12" s="105" t="s">
        <v>171</v>
      </c>
      <c r="B12" s="105"/>
      <c r="C12" s="75"/>
      <c r="D12" s="17"/>
      <c r="E12" s="17"/>
    </row>
    <row r="13" spans="1:5" s="18" customFormat="1" ht="20.100000000000001" customHeight="1" x14ac:dyDescent="0.25">
      <c r="A13" s="105" t="s">
        <v>172</v>
      </c>
      <c r="B13" s="105"/>
      <c r="C13" s="75"/>
      <c r="D13" s="17"/>
      <c r="E13" s="17"/>
    </row>
    <row r="14" spans="1:5" s="15" customFormat="1" ht="20.100000000000001" customHeight="1" x14ac:dyDescent="0.25">
      <c r="A14" s="93" t="s">
        <v>173</v>
      </c>
      <c r="B14" s="93"/>
      <c r="C14" s="68"/>
      <c r="D14" s="64"/>
      <c r="E14" s="64"/>
    </row>
    <row r="15" spans="1:5" s="15" customFormat="1" ht="20.100000000000001" customHeight="1" x14ac:dyDescent="0.25">
      <c r="A15" s="93" t="s">
        <v>174</v>
      </c>
      <c r="B15" s="93"/>
      <c r="C15" s="93"/>
      <c r="D15" s="64"/>
      <c r="E15" s="64"/>
    </row>
    <row r="16" spans="1:5" s="15" customFormat="1" ht="20.100000000000001" customHeight="1" x14ac:dyDescent="0.25">
      <c r="A16" s="93" t="s">
        <v>175</v>
      </c>
      <c r="B16" s="93"/>
      <c r="C16" s="68"/>
      <c r="D16" s="64"/>
      <c r="E16" s="64"/>
    </row>
    <row r="17" spans="1:5" s="15" customFormat="1" ht="20.100000000000001" customHeight="1" x14ac:dyDescent="0.25">
      <c r="A17" s="68" t="s">
        <v>176</v>
      </c>
      <c r="B17" s="68"/>
      <c r="C17" s="68"/>
      <c r="D17" s="64"/>
      <c r="E17" s="64"/>
    </row>
    <row r="18" spans="1:5" s="15" customFormat="1" ht="20.100000000000001" customHeight="1" x14ac:dyDescent="0.25">
      <c r="A18" s="69" t="s">
        <v>177</v>
      </c>
      <c r="B18" s="68"/>
      <c r="C18" s="68"/>
      <c r="D18" s="64"/>
      <c r="E18" s="64"/>
    </row>
    <row r="19" spans="1:5" s="15" customFormat="1" ht="20.100000000000001" customHeight="1" x14ac:dyDescent="0.25">
      <c r="A19" s="68" t="s">
        <v>178</v>
      </c>
      <c r="B19" s="70"/>
      <c r="C19" s="68"/>
      <c r="D19" s="64"/>
      <c r="E19" s="64"/>
    </row>
    <row r="20" spans="1:5" s="15" customFormat="1" ht="20.100000000000001" customHeight="1" x14ac:dyDescent="0.25">
      <c r="A20" s="93" t="s">
        <v>179</v>
      </c>
      <c r="B20" s="93"/>
      <c r="C20" s="68"/>
      <c r="D20" s="64"/>
      <c r="E20" s="64"/>
    </row>
    <row r="21" spans="1:5" s="15" customFormat="1" ht="20.100000000000001" customHeight="1" x14ac:dyDescent="0.25">
      <c r="A21" s="93" t="s">
        <v>184</v>
      </c>
      <c r="B21" s="93"/>
      <c r="C21" s="73"/>
      <c r="D21" s="74"/>
      <c r="E21" s="74"/>
    </row>
    <row r="22" spans="1:5" s="15" customFormat="1" ht="20.100000000000001" customHeight="1" x14ac:dyDescent="0.25">
      <c r="A22" s="93" t="s">
        <v>185</v>
      </c>
      <c r="B22" s="93"/>
      <c r="C22" s="73"/>
      <c r="D22" s="74"/>
      <c r="E22" s="74"/>
    </row>
    <row r="23" spans="1:5" s="18" customFormat="1" ht="20.100000000000001" customHeight="1" x14ac:dyDescent="0.25">
      <c r="A23" s="93" t="s">
        <v>29</v>
      </c>
      <c r="B23" s="93"/>
      <c r="C23" s="93"/>
      <c r="D23" s="17"/>
      <c r="E23" s="17"/>
    </row>
    <row r="24" spans="1:5" ht="4.5" customHeight="1" x14ac:dyDescent="0.2">
      <c r="A24" s="45"/>
      <c r="B24" s="45"/>
      <c r="C24" s="45"/>
      <c r="D24" s="16"/>
      <c r="E24" s="16"/>
    </row>
    <row r="25" spans="1:5" ht="20.100000000000001" customHeight="1" x14ac:dyDescent="0.2">
      <c r="A25" s="19" t="s">
        <v>6</v>
      </c>
      <c r="B25" s="20"/>
      <c r="C25" s="20"/>
      <c r="D25" s="21"/>
      <c r="E25" s="21"/>
    </row>
    <row r="26" spans="1:5" s="24" customFormat="1" ht="24.95" customHeight="1" x14ac:dyDescent="0.25">
      <c r="A26" s="97" t="s">
        <v>27</v>
      </c>
      <c r="B26" s="97"/>
      <c r="C26" s="97"/>
      <c r="D26" s="22"/>
      <c r="E26" s="23"/>
    </row>
    <row r="27" spans="1:5" ht="5.0999999999999996" customHeight="1" x14ac:dyDescent="0.2">
      <c r="A27" s="95"/>
      <c r="B27" s="95"/>
      <c r="C27" s="95"/>
      <c r="E27" s="23"/>
    </row>
    <row r="28" spans="1:5" s="15" customFormat="1" ht="20.100000000000001" customHeight="1" x14ac:dyDescent="0.25">
      <c r="A28" s="82" t="s">
        <v>180</v>
      </c>
      <c r="B28" s="82"/>
      <c r="C28" s="82"/>
      <c r="D28" s="82"/>
      <c r="E28" s="82"/>
    </row>
    <row r="29" spans="1:5" ht="33" customHeight="1" x14ac:dyDescent="0.2">
      <c r="A29" s="94" t="s">
        <v>36</v>
      </c>
      <c r="B29" s="94"/>
      <c r="C29" s="94"/>
      <c r="D29" s="94"/>
      <c r="E29" s="94"/>
    </row>
    <row r="30" spans="1:5" ht="5.0999999999999996" customHeight="1" x14ac:dyDescent="0.2">
      <c r="A30" s="95"/>
      <c r="B30" s="95"/>
      <c r="C30" s="95"/>
      <c r="E30" s="26"/>
    </row>
    <row r="31" spans="1:5" s="15" customFormat="1" ht="20.100000000000001" customHeight="1" x14ac:dyDescent="0.25">
      <c r="A31" s="82" t="s">
        <v>186</v>
      </c>
      <c r="B31" s="82"/>
      <c r="C31" s="82"/>
      <c r="D31" s="82"/>
      <c r="E31" s="82"/>
    </row>
    <row r="32" spans="1:5" s="27" customFormat="1" ht="20.100000000000001" customHeight="1" x14ac:dyDescent="0.25">
      <c r="A32" s="96" t="s">
        <v>3</v>
      </c>
      <c r="B32" s="96"/>
      <c r="C32" s="96"/>
      <c r="D32" s="96"/>
      <c r="E32" s="96"/>
    </row>
    <row r="33" spans="1:5" s="27" customFormat="1" ht="20.100000000000001" customHeight="1" x14ac:dyDescent="0.25">
      <c r="A33" s="88" t="s">
        <v>8</v>
      </c>
      <c r="B33" s="89"/>
      <c r="C33" s="42"/>
      <c r="D33" s="42"/>
      <c r="E33" s="42"/>
    </row>
    <row r="34" spans="1:5" s="27" customFormat="1" ht="20.100000000000001" customHeight="1" x14ac:dyDescent="0.25">
      <c r="A34" s="28"/>
      <c r="B34" s="28" t="s">
        <v>37</v>
      </c>
      <c r="C34" s="42"/>
      <c r="D34" s="42"/>
      <c r="E34" s="42"/>
    </row>
    <row r="35" spans="1:5" s="27" customFormat="1" ht="20.100000000000001" customHeight="1" x14ac:dyDescent="0.25">
      <c r="A35" s="28"/>
      <c r="B35" s="28" t="s">
        <v>12</v>
      </c>
      <c r="C35" s="42"/>
      <c r="D35" s="42"/>
      <c r="E35" s="42"/>
    </row>
    <row r="36" spans="1:5" s="27" customFormat="1" ht="20.100000000000001" customHeight="1" x14ac:dyDescent="0.25">
      <c r="A36" s="88" t="s">
        <v>9</v>
      </c>
      <c r="B36" s="89"/>
      <c r="C36" s="42"/>
      <c r="D36" s="42"/>
      <c r="E36" s="42"/>
    </row>
    <row r="37" spans="1:5" s="27" customFormat="1" ht="18" customHeight="1" x14ac:dyDescent="0.25">
      <c r="A37" s="104" t="s">
        <v>33</v>
      </c>
      <c r="B37" s="104"/>
      <c r="C37" s="104"/>
      <c r="D37" s="104"/>
      <c r="E37" s="104"/>
    </row>
    <row r="38" spans="1:5" s="27" customFormat="1" ht="18" customHeight="1" x14ac:dyDescent="0.25">
      <c r="A38" s="42"/>
      <c r="B38" s="42"/>
      <c r="C38" s="42"/>
      <c r="D38" s="42"/>
      <c r="E38" s="42"/>
    </row>
    <row r="39" spans="1:5" s="27" customFormat="1" ht="20.100000000000001" customHeight="1" x14ac:dyDescent="0.25">
      <c r="A39" s="88" t="s">
        <v>11</v>
      </c>
      <c r="B39" s="89"/>
      <c r="C39" s="42"/>
      <c r="D39" s="42"/>
      <c r="E39" s="42"/>
    </row>
    <row r="40" spans="1:5" s="27" customFormat="1" ht="20.100000000000001" customHeight="1" x14ac:dyDescent="0.2">
      <c r="A40" s="11"/>
      <c r="B40" s="27" t="s">
        <v>0</v>
      </c>
      <c r="C40" s="42"/>
      <c r="D40" s="42"/>
      <c r="E40" s="42"/>
    </row>
    <row r="41" spans="1:5" s="27" customFormat="1" ht="20.100000000000001" customHeight="1" x14ac:dyDescent="0.25">
      <c r="A41" s="28"/>
      <c r="B41" s="15" t="s">
        <v>1</v>
      </c>
      <c r="C41" s="42"/>
      <c r="D41" s="42"/>
      <c r="E41" s="42"/>
    </row>
    <row r="42" spans="1:5" ht="5.0999999999999996" customHeight="1" x14ac:dyDescent="0.2"/>
    <row r="43" spans="1:5" s="15" customFormat="1" ht="20.100000000000001" customHeight="1" x14ac:dyDescent="0.25">
      <c r="A43" s="82" t="s">
        <v>13</v>
      </c>
      <c r="B43" s="82"/>
      <c r="C43" s="82"/>
      <c r="D43" s="82"/>
      <c r="E43" s="82"/>
    </row>
    <row r="44" spans="1:5" s="15" customFormat="1" ht="5.0999999999999996" customHeight="1" thickBot="1" x14ac:dyDescent="0.3">
      <c r="A44" s="26"/>
      <c r="C44" s="48"/>
      <c r="D44" s="48"/>
      <c r="E44" s="48"/>
    </row>
    <row r="45" spans="1:5" s="24" customFormat="1" ht="36.75" customHeight="1" thickBot="1" x14ac:dyDescent="0.3">
      <c r="A45" s="77" t="s">
        <v>32</v>
      </c>
      <c r="B45" s="78"/>
      <c r="C45" s="78"/>
      <c r="D45" s="78"/>
      <c r="E45" s="79"/>
    </row>
    <row r="46" spans="1:5" s="27" customFormat="1" ht="53.25" customHeight="1" x14ac:dyDescent="0.25">
      <c r="A46" s="52" t="s">
        <v>10</v>
      </c>
      <c r="B46" s="53" t="s">
        <v>82</v>
      </c>
      <c r="C46" s="54" t="s">
        <v>83</v>
      </c>
      <c r="D46" s="54" t="s">
        <v>85</v>
      </c>
      <c r="E46" s="55" t="s">
        <v>84</v>
      </c>
    </row>
    <row r="47" spans="1:5" s="27" customFormat="1" ht="24.95" customHeight="1" x14ac:dyDescent="0.25">
      <c r="A47" s="56" t="s">
        <v>38</v>
      </c>
      <c r="B47" s="47" t="s">
        <v>86</v>
      </c>
      <c r="C47" s="29" t="s">
        <v>87</v>
      </c>
      <c r="D47" s="46" t="s">
        <v>86</v>
      </c>
      <c r="E47" s="57">
        <v>525</v>
      </c>
    </row>
    <row r="48" spans="1:5" s="27" customFormat="1" ht="24.95" customHeight="1" x14ac:dyDescent="0.25">
      <c r="A48" s="56" t="s">
        <v>39</v>
      </c>
      <c r="B48" s="47" t="s">
        <v>86</v>
      </c>
      <c r="C48" s="29" t="s">
        <v>87</v>
      </c>
      <c r="D48" s="46" t="s">
        <v>86</v>
      </c>
      <c r="E48" s="57">
        <v>70</v>
      </c>
    </row>
    <row r="49" spans="1:5" s="27" customFormat="1" ht="24.95" customHeight="1" x14ac:dyDescent="0.25">
      <c r="A49" s="56" t="s">
        <v>40</v>
      </c>
      <c r="B49" s="47" t="s">
        <v>88</v>
      </c>
      <c r="C49" s="29" t="s">
        <v>89</v>
      </c>
      <c r="D49" s="46" t="s">
        <v>90</v>
      </c>
      <c r="E49" s="57">
        <v>4800</v>
      </c>
    </row>
    <row r="50" spans="1:5" s="27" customFormat="1" ht="24.95" customHeight="1" x14ac:dyDescent="0.25">
      <c r="A50" s="56" t="s">
        <v>41</v>
      </c>
      <c r="B50" s="47" t="s">
        <v>88</v>
      </c>
      <c r="C50" s="29" t="s">
        <v>89</v>
      </c>
      <c r="D50" s="46" t="s">
        <v>90</v>
      </c>
      <c r="E50" s="57">
        <v>30300</v>
      </c>
    </row>
    <row r="51" spans="1:5" s="27" customFormat="1" ht="24.95" customHeight="1" x14ac:dyDescent="0.25">
      <c r="A51" s="56" t="s">
        <v>42</v>
      </c>
      <c r="B51" s="47" t="s">
        <v>88</v>
      </c>
      <c r="C51" s="29" t="s">
        <v>89</v>
      </c>
      <c r="D51" s="46" t="s">
        <v>90</v>
      </c>
      <c r="E51" s="57">
        <v>11900</v>
      </c>
    </row>
    <row r="52" spans="1:5" s="27" customFormat="1" ht="24.95" customHeight="1" x14ac:dyDescent="0.25">
      <c r="A52" s="56" t="s">
        <v>43</v>
      </c>
      <c r="B52" s="47" t="s">
        <v>88</v>
      </c>
      <c r="C52" s="29" t="s">
        <v>89</v>
      </c>
      <c r="D52" s="46" t="s">
        <v>90</v>
      </c>
      <c r="E52" s="57">
        <v>3400</v>
      </c>
    </row>
    <row r="53" spans="1:5" s="27" customFormat="1" ht="24.95" customHeight="1" x14ac:dyDescent="0.25">
      <c r="A53" s="56" t="s">
        <v>44</v>
      </c>
      <c r="B53" s="47" t="s">
        <v>91</v>
      </c>
      <c r="C53" s="29" t="s">
        <v>92</v>
      </c>
      <c r="D53" s="46" t="s">
        <v>93</v>
      </c>
      <c r="E53" s="57">
        <v>15000</v>
      </c>
    </row>
    <row r="54" spans="1:5" s="27" customFormat="1" ht="24.95" customHeight="1" x14ac:dyDescent="0.25">
      <c r="A54" s="56" t="s">
        <v>45</v>
      </c>
      <c r="B54" s="47" t="s">
        <v>91</v>
      </c>
      <c r="C54" s="29" t="s">
        <v>92</v>
      </c>
      <c r="D54" s="46" t="s">
        <v>93</v>
      </c>
      <c r="E54" s="57">
        <v>16500</v>
      </c>
    </row>
    <row r="55" spans="1:5" s="27" customFormat="1" ht="24.95" customHeight="1" x14ac:dyDescent="0.25">
      <c r="A55" s="56" t="s">
        <v>46</v>
      </c>
      <c r="B55" s="47" t="s">
        <v>91</v>
      </c>
      <c r="C55" s="29" t="s">
        <v>92</v>
      </c>
      <c r="D55" s="46" t="s">
        <v>93</v>
      </c>
      <c r="E55" s="57">
        <v>9000</v>
      </c>
    </row>
    <row r="56" spans="1:5" s="27" customFormat="1" ht="24.95" customHeight="1" x14ac:dyDescent="0.25">
      <c r="A56" s="56" t="s">
        <v>47</v>
      </c>
      <c r="B56" s="47" t="s">
        <v>91</v>
      </c>
      <c r="C56" s="29" t="s">
        <v>92</v>
      </c>
      <c r="D56" s="46" t="s">
        <v>93</v>
      </c>
      <c r="E56" s="57">
        <v>4000</v>
      </c>
    </row>
    <row r="57" spans="1:5" s="27" customFormat="1" ht="24.95" customHeight="1" x14ac:dyDescent="0.25">
      <c r="A57" s="56" t="s">
        <v>48</v>
      </c>
      <c r="B57" s="47" t="s">
        <v>94</v>
      </c>
      <c r="C57" s="29" t="s">
        <v>95</v>
      </c>
      <c r="D57" s="46" t="s">
        <v>96</v>
      </c>
      <c r="E57" s="57">
        <v>462</v>
      </c>
    </row>
    <row r="58" spans="1:5" s="27" customFormat="1" ht="24.95" customHeight="1" x14ac:dyDescent="0.25">
      <c r="A58" s="56" t="s">
        <v>49</v>
      </c>
      <c r="B58" s="47" t="s">
        <v>97</v>
      </c>
      <c r="C58" s="29" t="s">
        <v>98</v>
      </c>
      <c r="D58" s="46" t="s">
        <v>99</v>
      </c>
      <c r="E58" s="57">
        <v>118500</v>
      </c>
    </row>
    <row r="59" spans="1:5" s="27" customFormat="1" ht="24.95" customHeight="1" x14ac:dyDescent="0.25">
      <c r="A59" s="56" t="s">
        <v>50</v>
      </c>
      <c r="B59" s="47" t="s">
        <v>100</v>
      </c>
      <c r="C59" s="29" t="s">
        <v>101</v>
      </c>
      <c r="D59" s="46" t="s">
        <v>102</v>
      </c>
      <c r="E59" s="57">
        <v>6050</v>
      </c>
    </row>
    <row r="60" spans="1:5" s="27" customFormat="1" ht="24.95" customHeight="1" x14ac:dyDescent="0.25">
      <c r="A60" s="56" t="s">
        <v>51</v>
      </c>
      <c r="B60" s="47" t="s">
        <v>100</v>
      </c>
      <c r="C60" s="29" t="s">
        <v>101</v>
      </c>
      <c r="D60" s="46" t="s">
        <v>102</v>
      </c>
      <c r="E60" s="57">
        <v>800</v>
      </c>
    </row>
    <row r="61" spans="1:5" s="27" customFormat="1" ht="24.95" customHeight="1" x14ac:dyDescent="0.25">
      <c r="A61" s="56" t="s">
        <v>52</v>
      </c>
      <c r="B61" s="47" t="s">
        <v>100</v>
      </c>
      <c r="C61" s="29" t="s">
        <v>101</v>
      </c>
      <c r="D61" s="46" t="s">
        <v>102</v>
      </c>
      <c r="E61" s="57">
        <v>16000</v>
      </c>
    </row>
    <row r="62" spans="1:5" s="27" customFormat="1" ht="24.95" customHeight="1" x14ac:dyDescent="0.25">
      <c r="A62" s="56" t="s">
        <v>53</v>
      </c>
      <c r="B62" s="47" t="s">
        <v>100</v>
      </c>
      <c r="C62" s="29" t="s">
        <v>101</v>
      </c>
      <c r="D62" s="46" t="s">
        <v>102</v>
      </c>
      <c r="E62" s="57">
        <v>10000</v>
      </c>
    </row>
    <row r="63" spans="1:5" s="27" customFormat="1" ht="24.95" customHeight="1" x14ac:dyDescent="0.25">
      <c r="A63" s="56" t="s">
        <v>54</v>
      </c>
      <c r="B63" s="47" t="s">
        <v>103</v>
      </c>
      <c r="C63" s="29" t="s">
        <v>104</v>
      </c>
      <c r="D63" s="46" t="s">
        <v>105</v>
      </c>
      <c r="E63" s="57">
        <v>25200</v>
      </c>
    </row>
    <row r="64" spans="1:5" s="27" customFormat="1" ht="24.95" customHeight="1" x14ac:dyDescent="0.25">
      <c r="A64" s="56" t="s">
        <v>55</v>
      </c>
      <c r="B64" s="47" t="s">
        <v>103</v>
      </c>
      <c r="C64" s="29" t="s">
        <v>104</v>
      </c>
      <c r="D64" s="46" t="s">
        <v>105</v>
      </c>
      <c r="E64" s="57">
        <v>9300</v>
      </c>
    </row>
    <row r="65" spans="1:5" s="27" customFormat="1" ht="24.95" customHeight="1" x14ac:dyDescent="0.25">
      <c r="A65" s="56" t="s">
        <v>56</v>
      </c>
      <c r="B65" s="47" t="s">
        <v>106</v>
      </c>
      <c r="C65" s="29" t="s">
        <v>107</v>
      </c>
      <c r="D65" s="46" t="s">
        <v>108</v>
      </c>
      <c r="E65" s="57">
        <v>74000</v>
      </c>
    </row>
    <row r="66" spans="1:5" s="27" customFormat="1" ht="24.95" customHeight="1" x14ac:dyDescent="0.25">
      <c r="A66" s="56" t="s">
        <v>57</v>
      </c>
      <c r="B66" s="47" t="s">
        <v>109</v>
      </c>
      <c r="C66" s="29" t="s">
        <v>110</v>
      </c>
      <c r="D66" s="46" t="s">
        <v>111</v>
      </c>
      <c r="E66" s="57">
        <v>990</v>
      </c>
    </row>
    <row r="67" spans="1:5" s="27" customFormat="1" ht="24.95" customHeight="1" x14ac:dyDescent="0.25">
      <c r="A67" s="56" t="s">
        <v>58</v>
      </c>
      <c r="B67" s="47" t="s">
        <v>112</v>
      </c>
      <c r="C67" s="29" t="s">
        <v>113</v>
      </c>
      <c r="D67" s="46" t="s">
        <v>114</v>
      </c>
      <c r="E67" s="57">
        <v>71150</v>
      </c>
    </row>
    <row r="68" spans="1:5" s="27" customFormat="1" ht="24.95" customHeight="1" x14ac:dyDescent="0.25">
      <c r="A68" s="56" t="s">
        <v>59</v>
      </c>
      <c r="B68" s="47" t="s">
        <v>112</v>
      </c>
      <c r="C68" s="29" t="s">
        <v>113</v>
      </c>
      <c r="D68" s="46" t="s">
        <v>114</v>
      </c>
      <c r="E68" s="57">
        <v>21520</v>
      </c>
    </row>
    <row r="69" spans="1:5" s="27" customFormat="1" ht="24.95" customHeight="1" x14ac:dyDescent="0.25">
      <c r="A69" s="56" t="s">
        <v>60</v>
      </c>
      <c r="B69" s="47" t="s">
        <v>115</v>
      </c>
      <c r="C69" s="29" t="s">
        <v>116</v>
      </c>
      <c r="D69" s="46" t="s">
        <v>117</v>
      </c>
      <c r="E69" s="57">
        <v>15000</v>
      </c>
    </row>
    <row r="70" spans="1:5" s="27" customFormat="1" ht="24.95" customHeight="1" x14ac:dyDescent="0.25">
      <c r="A70" s="56" t="s">
        <v>61</v>
      </c>
      <c r="B70" s="47" t="s">
        <v>118</v>
      </c>
      <c r="C70" s="29" t="s">
        <v>119</v>
      </c>
      <c r="D70" s="46" t="s">
        <v>120</v>
      </c>
      <c r="E70" s="57">
        <v>1010</v>
      </c>
    </row>
    <row r="71" spans="1:5" s="27" customFormat="1" ht="24.95" customHeight="1" x14ac:dyDescent="0.25">
      <c r="A71" s="56" t="s">
        <v>62</v>
      </c>
      <c r="B71" s="47" t="s">
        <v>121</v>
      </c>
      <c r="C71" s="29" t="s">
        <v>122</v>
      </c>
      <c r="D71" s="46" t="s">
        <v>123</v>
      </c>
      <c r="E71" s="57">
        <v>9640</v>
      </c>
    </row>
    <row r="72" spans="1:5" s="27" customFormat="1" ht="24.95" customHeight="1" x14ac:dyDescent="0.25">
      <c r="A72" s="56" t="s">
        <v>63</v>
      </c>
      <c r="B72" s="47" t="s">
        <v>124</v>
      </c>
      <c r="C72" s="29" t="s">
        <v>125</v>
      </c>
      <c r="D72" s="46" t="s">
        <v>124</v>
      </c>
      <c r="E72" s="57">
        <v>1850</v>
      </c>
    </row>
    <row r="73" spans="1:5" s="27" customFormat="1" ht="24.95" customHeight="1" x14ac:dyDescent="0.25">
      <c r="A73" s="56" t="s">
        <v>64</v>
      </c>
      <c r="B73" s="47" t="s">
        <v>126</v>
      </c>
      <c r="C73" s="29" t="s">
        <v>127</v>
      </c>
      <c r="D73" s="46" t="s">
        <v>126</v>
      </c>
      <c r="E73" s="57">
        <v>21550</v>
      </c>
    </row>
    <row r="74" spans="1:5" s="27" customFormat="1" ht="24.95" customHeight="1" x14ac:dyDescent="0.25">
      <c r="A74" s="56" t="s">
        <v>65</v>
      </c>
      <c r="B74" s="47" t="s">
        <v>128</v>
      </c>
      <c r="C74" s="29" t="s">
        <v>129</v>
      </c>
      <c r="D74" s="46" t="s">
        <v>128</v>
      </c>
      <c r="E74" s="57">
        <v>300</v>
      </c>
    </row>
    <row r="75" spans="1:5" s="27" customFormat="1" ht="24.95" customHeight="1" x14ac:dyDescent="0.25">
      <c r="A75" s="56" t="s">
        <v>66</v>
      </c>
      <c r="B75" s="47" t="s">
        <v>128</v>
      </c>
      <c r="C75" s="29" t="s">
        <v>129</v>
      </c>
      <c r="D75" s="46" t="s">
        <v>128</v>
      </c>
      <c r="E75" s="57">
        <v>965</v>
      </c>
    </row>
    <row r="76" spans="1:5" s="27" customFormat="1" ht="24.95" customHeight="1" x14ac:dyDescent="0.25">
      <c r="A76" s="56" t="s">
        <v>67</v>
      </c>
      <c r="B76" s="47" t="s">
        <v>130</v>
      </c>
      <c r="C76" s="29" t="s">
        <v>131</v>
      </c>
      <c r="D76" s="46" t="s">
        <v>130</v>
      </c>
      <c r="E76" s="57">
        <v>1118</v>
      </c>
    </row>
    <row r="77" spans="1:5" s="27" customFormat="1" ht="24.95" customHeight="1" x14ac:dyDescent="0.25">
      <c r="A77" s="56" t="s">
        <v>68</v>
      </c>
      <c r="B77" s="47" t="s">
        <v>132</v>
      </c>
      <c r="C77" s="29" t="s">
        <v>133</v>
      </c>
      <c r="D77" s="46" t="s">
        <v>132</v>
      </c>
      <c r="E77" s="57">
        <v>14970</v>
      </c>
    </row>
    <row r="78" spans="1:5" s="27" customFormat="1" ht="24.95" customHeight="1" x14ac:dyDescent="0.25">
      <c r="A78" s="56" t="s">
        <v>69</v>
      </c>
      <c r="B78" s="47" t="s">
        <v>134</v>
      </c>
      <c r="C78" s="29" t="s">
        <v>135</v>
      </c>
      <c r="D78" s="46" t="s">
        <v>134</v>
      </c>
      <c r="E78" s="57">
        <v>2036</v>
      </c>
    </row>
    <row r="79" spans="1:5" s="27" customFormat="1" ht="24.95" customHeight="1" x14ac:dyDescent="0.25">
      <c r="A79" s="56" t="s">
        <v>70</v>
      </c>
      <c r="B79" s="47" t="s">
        <v>136</v>
      </c>
      <c r="C79" s="29" t="s">
        <v>137</v>
      </c>
      <c r="D79" s="46" t="s">
        <v>136</v>
      </c>
      <c r="E79" s="57">
        <v>7042</v>
      </c>
    </row>
    <row r="80" spans="1:5" s="27" customFormat="1" ht="24.95" customHeight="1" x14ac:dyDescent="0.25">
      <c r="A80" s="56" t="s">
        <v>71</v>
      </c>
      <c r="B80" s="47" t="s">
        <v>138</v>
      </c>
      <c r="C80" s="29" t="s">
        <v>139</v>
      </c>
      <c r="D80" s="46" t="s">
        <v>140</v>
      </c>
      <c r="E80" s="57">
        <v>19190</v>
      </c>
    </row>
    <row r="81" spans="1:6" s="27" customFormat="1" ht="24.95" customHeight="1" x14ac:dyDescent="0.25">
      <c r="A81" s="56" t="s">
        <v>72</v>
      </c>
      <c r="B81" s="47" t="s">
        <v>141</v>
      </c>
      <c r="C81" s="29" t="s">
        <v>142</v>
      </c>
      <c r="D81" s="46" t="s">
        <v>143</v>
      </c>
      <c r="E81" s="57">
        <v>16000</v>
      </c>
    </row>
    <row r="82" spans="1:6" s="27" customFormat="1" ht="24.95" customHeight="1" x14ac:dyDescent="0.25">
      <c r="A82" s="56" t="s">
        <v>73</v>
      </c>
      <c r="B82" s="47" t="s">
        <v>144</v>
      </c>
      <c r="C82" s="29" t="s">
        <v>145</v>
      </c>
      <c r="D82" s="46" t="s">
        <v>146</v>
      </c>
      <c r="E82" s="57">
        <v>18200</v>
      </c>
    </row>
    <row r="83" spans="1:6" s="27" customFormat="1" ht="24.95" customHeight="1" x14ac:dyDescent="0.25">
      <c r="A83" s="56" t="s">
        <v>74</v>
      </c>
      <c r="B83" s="47" t="s">
        <v>147</v>
      </c>
      <c r="C83" s="29" t="s">
        <v>148</v>
      </c>
      <c r="D83" s="46" t="s">
        <v>147</v>
      </c>
      <c r="E83" s="57">
        <v>28380</v>
      </c>
    </row>
    <row r="84" spans="1:6" s="27" customFormat="1" ht="24.95" customHeight="1" x14ac:dyDescent="0.25">
      <c r="A84" s="56" t="s">
        <v>75</v>
      </c>
      <c r="B84" s="47" t="s">
        <v>147</v>
      </c>
      <c r="C84" s="29" t="s">
        <v>148</v>
      </c>
      <c r="D84" s="46" t="s">
        <v>147</v>
      </c>
      <c r="E84" s="57">
        <v>49500</v>
      </c>
    </row>
    <row r="85" spans="1:6" s="27" customFormat="1" ht="24.95" customHeight="1" x14ac:dyDescent="0.25">
      <c r="A85" s="56" t="s">
        <v>76</v>
      </c>
      <c r="B85" s="47" t="s">
        <v>149</v>
      </c>
      <c r="C85" s="29" t="s">
        <v>150</v>
      </c>
      <c r="D85" s="46" t="s">
        <v>149</v>
      </c>
      <c r="E85" s="57">
        <v>41150</v>
      </c>
    </row>
    <row r="86" spans="1:6" s="27" customFormat="1" ht="24.95" customHeight="1" x14ac:dyDescent="0.25">
      <c r="A86" s="56" t="s">
        <v>77</v>
      </c>
      <c r="B86" s="47" t="s">
        <v>149</v>
      </c>
      <c r="C86" s="29" t="s">
        <v>150</v>
      </c>
      <c r="D86" s="46" t="s">
        <v>149</v>
      </c>
      <c r="E86" s="57">
        <v>5775</v>
      </c>
    </row>
    <row r="87" spans="1:6" s="27" customFormat="1" ht="24.95" customHeight="1" x14ac:dyDescent="0.25">
      <c r="A87" s="56" t="s">
        <v>78</v>
      </c>
      <c r="B87" s="47" t="s">
        <v>151</v>
      </c>
      <c r="C87" s="29" t="s">
        <v>152</v>
      </c>
      <c r="D87" s="46" t="s">
        <v>151</v>
      </c>
      <c r="E87" s="57">
        <v>40620</v>
      </c>
    </row>
    <row r="88" spans="1:6" s="27" customFormat="1" ht="24.95" customHeight="1" x14ac:dyDescent="0.25">
      <c r="A88" s="56" t="s">
        <v>79</v>
      </c>
      <c r="B88" s="47" t="s">
        <v>153</v>
      </c>
      <c r="C88" s="29" t="s">
        <v>154</v>
      </c>
      <c r="D88" s="46" t="s">
        <v>155</v>
      </c>
      <c r="E88" s="57">
        <v>20640</v>
      </c>
    </row>
    <row r="89" spans="1:6" s="27" customFormat="1" ht="24.95" customHeight="1" x14ac:dyDescent="0.25">
      <c r="A89" s="56" t="s">
        <v>80</v>
      </c>
      <c r="B89" s="47" t="s">
        <v>156</v>
      </c>
      <c r="C89" s="29" t="s">
        <v>157</v>
      </c>
      <c r="D89" s="46" t="s">
        <v>158</v>
      </c>
      <c r="E89" s="57">
        <v>40310</v>
      </c>
    </row>
    <row r="90" spans="1:6" s="27" customFormat="1" ht="24.95" customHeight="1" thickBot="1" x14ac:dyDescent="0.3">
      <c r="A90" s="58" t="s">
        <v>81</v>
      </c>
      <c r="B90" s="59" t="s">
        <v>159</v>
      </c>
      <c r="C90" s="60" t="s">
        <v>160</v>
      </c>
      <c r="D90" s="61" t="s">
        <v>161</v>
      </c>
      <c r="E90" s="62">
        <v>13630</v>
      </c>
    </row>
    <row r="91" spans="1:6" s="50" customFormat="1" ht="23.25" customHeight="1" x14ac:dyDescent="0.25">
      <c r="A91" s="51"/>
      <c r="B91" s="51"/>
      <c r="C91" s="51"/>
      <c r="D91" s="51"/>
      <c r="E91" s="51"/>
    </row>
    <row r="92" spans="1:6" s="15" customFormat="1" ht="18.75" customHeight="1" x14ac:dyDescent="0.25">
      <c r="A92" s="82" t="s">
        <v>34</v>
      </c>
      <c r="B92" s="82"/>
      <c r="C92" s="82"/>
      <c r="D92" s="82"/>
      <c r="E92" s="82"/>
    </row>
    <row r="93" spans="1:6" s="15" customFormat="1" ht="4.5" customHeight="1" thickBot="1" x14ac:dyDescent="0.3"/>
    <row r="94" spans="1:6" s="15" customFormat="1" ht="34.5" customHeight="1" x14ac:dyDescent="0.25">
      <c r="A94" s="85" t="s">
        <v>162</v>
      </c>
      <c r="B94" s="86"/>
      <c r="C94" s="86"/>
      <c r="D94" s="86"/>
      <c r="E94" s="87"/>
    </row>
    <row r="95" spans="1:6" s="24" customFormat="1" ht="32.25" customHeight="1" x14ac:dyDescent="0.25">
      <c r="A95" s="66" t="s">
        <v>7</v>
      </c>
      <c r="B95" s="80" t="s">
        <v>165</v>
      </c>
      <c r="C95" s="80"/>
      <c r="D95" s="80"/>
      <c r="E95" s="81"/>
      <c r="F95" s="15"/>
    </row>
    <row r="96" spans="1:6" s="24" customFormat="1" ht="32.25" customHeight="1" x14ac:dyDescent="0.25">
      <c r="A96" s="66" t="s">
        <v>163</v>
      </c>
      <c r="B96" s="80" t="s">
        <v>166</v>
      </c>
      <c r="C96" s="80"/>
      <c r="D96" s="80"/>
      <c r="E96" s="81"/>
      <c r="F96" s="15"/>
    </row>
    <row r="97" spans="1:6" s="24" customFormat="1" ht="47.25" customHeight="1" thickBot="1" x14ac:dyDescent="0.3">
      <c r="A97" s="67" t="s">
        <v>164</v>
      </c>
      <c r="B97" s="83" t="s">
        <v>167</v>
      </c>
      <c r="C97" s="83"/>
      <c r="D97" s="83"/>
      <c r="E97" s="84"/>
      <c r="F97" s="15"/>
    </row>
    <row r="98" spans="1:6" s="24" customFormat="1" ht="11.25" customHeight="1" x14ac:dyDescent="0.25">
      <c r="A98" s="65"/>
      <c r="B98" s="71"/>
      <c r="C98" s="71"/>
      <c r="D98" s="71"/>
      <c r="E98" s="71"/>
      <c r="F98" s="15"/>
    </row>
    <row r="99" spans="1:6" s="15" customFormat="1" ht="18.75" customHeight="1" x14ac:dyDescent="0.25">
      <c r="A99" s="82" t="s">
        <v>181</v>
      </c>
      <c r="B99" s="82"/>
      <c r="C99" s="82"/>
      <c r="D99" s="82"/>
      <c r="E99" s="82"/>
    </row>
    <row r="100" spans="1:6" s="15" customFormat="1" ht="18.75" customHeight="1" x14ac:dyDescent="0.25">
      <c r="A100" s="76" t="s">
        <v>182</v>
      </c>
      <c r="B100" s="76"/>
      <c r="C100" s="48"/>
      <c r="D100" s="48"/>
      <c r="E100" s="48"/>
    </row>
    <row r="101" spans="1:6" s="24" customFormat="1" ht="18.75" customHeight="1" x14ac:dyDescent="0.25">
      <c r="A101" s="76" t="s">
        <v>183</v>
      </c>
      <c r="B101" s="76"/>
      <c r="C101" s="76"/>
      <c r="D101" s="76"/>
      <c r="E101" s="76"/>
    </row>
    <row r="102" spans="1:6" s="24" customFormat="1" ht="18.75" customHeight="1" x14ac:dyDescent="0.25">
      <c r="A102" s="18"/>
      <c r="B102" s="72"/>
      <c r="C102" s="72"/>
      <c r="D102" s="72"/>
      <c r="E102" s="72"/>
    </row>
    <row r="103" spans="1:6" s="30" customFormat="1" ht="30" customHeight="1" x14ac:dyDescent="0.25">
      <c r="A103" s="102" t="s">
        <v>30</v>
      </c>
      <c r="B103" s="102"/>
      <c r="C103" s="102"/>
      <c r="D103" s="102"/>
      <c r="E103" s="24"/>
    </row>
    <row r="104" spans="1:6" s="15" customFormat="1" ht="24.95" customHeight="1" x14ac:dyDescent="0.25">
      <c r="A104" s="31" t="s">
        <v>14</v>
      </c>
      <c r="B104" s="100"/>
      <c r="C104" s="100"/>
      <c r="E104" s="30"/>
    </row>
    <row r="105" spans="1:6" s="15" customFormat="1" ht="24.95" customHeight="1" x14ac:dyDescent="0.25">
      <c r="A105" s="31" t="s">
        <v>15</v>
      </c>
      <c r="B105" s="100"/>
      <c r="C105" s="100"/>
      <c r="E105" s="30"/>
    </row>
    <row r="106" spans="1:6" s="15" customFormat="1" ht="24.95" customHeight="1" x14ac:dyDescent="0.25">
      <c r="A106" s="31" t="s">
        <v>16</v>
      </c>
      <c r="B106" s="100"/>
      <c r="C106" s="100"/>
      <c r="E106" s="30"/>
    </row>
    <row r="107" spans="1:6" s="24" customFormat="1" ht="24.95" customHeight="1" x14ac:dyDescent="0.25">
      <c r="A107" s="31" t="s">
        <v>17</v>
      </c>
      <c r="B107" s="100"/>
      <c r="C107" s="100"/>
      <c r="D107" s="15"/>
      <c r="E107" s="32"/>
    </row>
    <row r="108" spans="1:6" s="15" customFormat="1" ht="14.25" customHeight="1" x14ac:dyDescent="0.2">
      <c r="A108" s="33"/>
      <c r="B108" s="1"/>
      <c r="C108" s="1"/>
      <c r="E108" s="34"/>
    </row>
    <row r="109" spans="1:6" s="24" customFormat="1" ht="15" customHeight="1" x14ac:dyDescent="0.25">
      <c r="A109" s="103" t="s">
        <v>18</v>
      </c>
      <c r="B109" s="103"/>
      <c r="C109" s="103"/>
      <c r="D109" s="103"/>
      <c r="E109" s="103"/>
    </row>
    <row r="110" spans="1:6" s="15" customFormat="1" ht="36.75" customHeight="1" x14ac:dyDescent="0.25">
      <c r="A110" s="101" t="s">
        <v>31</v>
      </c>
      <c r="B110" s="101"/>
      <c r="C110" s="101"/>
      <c r="D110" s="101"/>
      <c r="E110" s="101"/>
    </row>
    <row r="111" spans="1:6" s="15" customFormat="1" ht="20.100000000000001" customHeight="1" x14ac:dyDescent="0.2">
      <c r="A111" s="10"/>
      <c r="B111" s="10"/>
      <c r="C111" s="25"/>
      <c r="D111" s="25"/>
    </row>
    <row r="112" spans="1:6" s="24" customFormat="1" ht="4.5" customHeight="1" x14ac:dyDescent="0.2">
      <c r="A112" s="10"/>
      <c r="B112" s="10"/>
      <c r="C112" s="25"/>
      <c r="D112" s="25"/>
      <c r="E112" s="15"/>
    </row>
    <row r="113" spans="1:9" s="24" customFormat="1" ht="20.100000000000001" customHeight="1" x14ac:dyDescent="0.25">
      <c r="A113" s="35" t="s">
        <v>19</v>
      </c>
      <c r="B113" s="36"/>
      <c r="C113" s="37" t="s">
        <v>20</v>
      </c>
      <c r="D113" s="98"/>
      <c r="E113" s="98"/>
    </row>
    <row r="114" spans="1:9" s="24" customFormat="1" ht="20.100000000000001" customHeight="1" x14ac:dyDescent="0.25">
      <c r="A114" s="38"/>
      <c r="B114" s="38"/>
      <c r="C114" s="38"/>
      <c r="D114" s="39"/>
      <c r="E114" s="39"/>
    </row>
    <row r="115" spans="1:9" ht="20.100000000000001" customHeight="1" x14ac:dyDescent="0.2">
      <c r="A115" s="35" t="s">
        <v>21</v>
      </c>
      <c r="B115" s="36"/>
      <c r="C115" s="40" t="s">
        <v>22</v>
      </c>
      <c r="D115" s="99"/>
      <c r="E115" s="99"/>
    </row>
    <row r="116" spans="1:9" s="15" customFormat="1" ht="20.100000000000001" customHeight="1" x14ac:dyDescent="0.2">
      <c r="A116" s="10"/>
      <c r="B116" s="10"/>
      <c r="C116" s="40" t="s">
        <v>23</v>
      </c>
      <c r="D116" s="100"/>
      <c r="E116" s="100"/>
    </row>
    <row r="117" spans="1:9" s="15" customFormat="1" ht="20.100000000000001" customHeight="1" x14ac:dyDescent="0.2">
      <c r="A117" s="10"/>
      <c r="B117" s="10"/>
      <c r="C117" s="41" t="s">
        <v>24</v>
      </c>
      <c r="D117" s="10"/>
    </row>
    <row r="118" spans="1:9" s="1" customFormat="1" ht="12" x14ac:dyDescent="0.2">
      <c r="A118" s="63"/>
      <c r="C118" s="43"/>
      <c r="D118" s="43"/>
      <c r="E118" s="2"/>
      <c r="F118" s="2"/>
      <c r="G118" s="3"/>
      <c r="I118" s="3"/>
    </row>
    <row r="119" spans="1:9" s="9" customFormat="1" ht="12" x14ac:dyDescent="0.2">
      <c r="A119" s="4" t="s">
        <v>28</v>
      </c>
      <c r="B119" s="5"/>
      <c r="C119" s="6"/>
      <c r="D119" s="6"/>
      <c r="E119" s="7"/>
      <c r="F119" s="7"/>
      <c r="G119" s="8"/>
      <c r="I119" s="8"/>
    </row>
    <row r="120" spans="1:9" s="15" customFormat="1" ht="24" customHeight="1" x14ac:dyDescent="0.25"/>
    <row r="121" spans="1:9" s="15" customFormat="1" ht="24" customHeight="1" x14ac:dyDescent="0.25"/>
    <row r="122" spans="1:9" s="15" customFormat="1" ht="24" customHeight="1" x14ac:dyDescent="0.25"/>
    <row r="123" spans="1:9" s="15" customFormat="1" ht="20.100000000000001" customHeight="1" x14ac:dyDescent="0.25"/>
    <row r="124" spans="1:9" s="15" customFormat="1" ht="20.100000000000001" customHeight="1" x14ac:dyDescent="0.25"/>
    <row r="125" spans="1:9" s="15" customFormat="1" ht="50.1" customHeight="1" x14ac:dyDescent="0.25"/>
    <row r="126" spans="1:9" s="15" customFormat="1" ht="43.5" customHeight="1" x14ac:dyDescent="0.25"/>
    <row r="127" spans="1:9" ht="24.75" customHeight="1" x14ac:dyDescent="0.2">
      <c r="A127" s="15"/>
      <c r="B127" s="15"/>
      <c r="C127" s="15"/>
      <c r="D127" s="15"/>
    </row>
    <row r="128" spans="1:9" x14ac:dyDescent="0.2">
      <c r="A128" s="15"/>
      <c r="B128" s="15"/>
      <c r="C128" s="15"/>
      <c r="D128" s="15"/>
    </row>
    <row r="129" ht="20.100000000000001" customHeight="1" x14ac:dyDescent="0.2"/>
    <row r="130" ht="4.5" customHeight="1" x14ac:dyDescent="0.2"/>
    <row r="131" ht="20.100000000000001" customHeight="1" x14ac:dyDescent="0.2"/>
    <row r="132" ht="20.100000000000001" customHeight="1" x14ac:dyDescent="0.2"/>
    <row r="133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46">
    <mergeCell ref="A4:E4"/>
    <mergeCell ref="A28:E28"/>
    <mergeCell ref="A33:B33"/>
    <mergeCell ref="A37:E37"/>
    <mergeCell ref="A10:B10"/>
    <mergeCell ref="A12:B12"/>
    <mergeCell ref="A13:B13"/>
    <mergeCell ref="A14:B14"/>
    <mergeCell ref="A15:C15"/>
    <mergeCell ref="A16:B16"/>
    <mergeCell ref="A20:B20"/>
    <mergeCell ref="A21:B21"/>
    <mergeCell ref="A22:B22"/>
    <mergeCell ref="D113:E113"/>
    <mergeCell ref="D115:E115"/>
    <mergeCell ref="D116:E116"/>
    <mergeCell ref="A110:E110"/>
    <mergeCell ref="A103:D103"/>
    <mergeCell ref="A109:E109"/>
    <mergeCell ref="B104:C104"/>
    <mergeCell ref="B105:C105"/>
    <mergeCell ref="B106:C106"/>
    <mergeCell ref="B107:C107"/>
    <mergeCell ref="A39:B39"/>
    <mergeCell ref="A5:E5"/>
    <mergeCell ref="A6:E6"/>
    <mergeCell ref="A8:E8"/>
    <mergeCell ref="A9:C9"/>
    <mergeCell ref="A36:B36"/>
    <mergeCell ref="A23:C23"/>
    <mergeCell ref="A29:E29"/>
    <mergeCell ref="A30:C30"/>
    <mergeCell ref="A32:E32"/>
    <mergeCell ref="A26:C26"/>
    <mergeCell ref="A27:C27"/>
    <mergeCell ref="A31:E31"/>
    <mergeCell ref="A100:B100"/>
    <mergeCell ref="A101:E101"/>
    <mergeCell ref="A45:E45"/>
    <mergeCell ref="B96:E96"/>
    <mergeCell ref="A43:E43"/>
    <mergeCell ref="B97:E97"/>
    <mergeCell ref="A92:E92"/>
    <mergeCell ref="A94:E94"/>
    <mergeCell ref="B95:E95"/>
    <mergeCell ref="A99:E99"/>
  </mergeCells>
  <conditionalFormatting sqref="D115:E115">
    <cfRule type="containsBlanks" dxfId="8" priority="455">
      <formula>LEN(TRIM(D115))=0</formula>
    </cfRule>
  </conditionalFormatting>
  <conditionalFormatting sqref="B113">
    <cfRule type="containsBlanks" dxfId="7" priority="453">
      <formula>LEN(TRIM(B113))=0</formula>
    </cfRule>
  </conditionalFormatting>
  <conditionalFormatting sqref="D116:E116">
    <cfRule type="containsBlanks" dxfId="6" priority="454">
      <formula>LEN(TRIM(D116))=0</formula>
    </cfRule>
  </conditionalFormatting>
  <conditionalFormatting sqref="B115">
    <cfRule type="containsBlanks" dxfId="5" priority="452">
      <formula>LEN(TRIM(B115))=0</formula>
    </cfRule>
  </conditionalFormatting>
  <conditionalFormatting sqref="B1:B2">
    <cfRule type="containsBlanks" dxfId="4" priority="451">
      <formula>LEN(TRIM(B1))=0</formula>
    </cfRule>
  </conditionalFormatting>
  <conditionalFormatting sqref="B106:C106">
    <cfRule type="containsBlanks" dxfId="3" priority="441">
      <formula>LEN(TRIM(B106))=0</formula>
    </cfRule>
  </conditionalFormatting>
  <conditionalFormatting sqref="B105:C105">
    <cfRule type="containsBlanks" dxfId="2" priority="392">
      <formula>LEN(TRIM(B105))=0</formula>
    </cfRule>
  </conditionalFormatting>
  <conditionalFormatting sqref="B104:C104">
    <cfRule type="containsBlanks" dxfId="1" priority="391">
      <formula>LEN(TRIM(B104))=0</formula>
    </cfRule>
  </conditionalFormatting>
  <conditionalFormatting sqref="B107:C107">
    <cfRule type="containsBlanks" dxfId="0" priority="390">
      <formula>LEN(TRIM(B107))=0</formula>
    </cfRule>
  </conditionalFormatting>
  <printOptions horizontalCentered="1"/>
  <pageMargins left="0.51181102362204722" right="0.70866141732283472" top="0.9055118110236221" bottom="0.74803149606299213" header="0.31496062992125984" footer="0.31496062992125984"/>
  <pageSetup paperSize="9" scale="65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0</xdr:col>
                    <xdr:colOff>628650</xdr:colOff>
                    <xdr:row>33</xdr:row>
                    <xdr:rowOff>0</xdr:rowOff>
                  </from>
                  <to>
                    <xdr:col>0</xdr:col>
                    <xdr:colOff>885825</xdr:colOff>
                    <xdr:row>33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0</xdr:col>
                    <xdr:colOff>628650</xdr:colOff>
                    <xdr:row>34</xdr:row>
                    <xdr:rowOff>9525</xdr:rowOff>
                  </from>
                  <to>
                    <xdr:col>0</xdr:col>
                    <xdr:colOff>885825</xdr:colOff>
                    <xdr:row>34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0</xdr:col>
                    <xdr:colOff>628650</xdr:colOff>
                    <xdr:row>39</xdr:row>
                    <xdr:rowOff>9525</xdr:rowOff>
                  </from>
                  <to>
                    <xdr:col>0</xdr:col>
                    <xdr:colOff>885825</xdr:colOff>
                    <xdr:row>39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0</xdr:col>
                    <xdr:colOff>628650</xdr:colOff>
                    <xdr:row>40</xdr:row>
                    <xdr:rowOff>0</xdr:rowOff>
                  </from>
                  <to>
                    <xdr:col>0</xdr:col>
                    <xdr:colOff>885825</xdr:colOff>
                    <xdr:row>41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eskum trhu_Špecifikácia PZ</vt:lpstr>
      <vt:lpstr>'Prieskum trhu_Špecifikácia PZ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06T12:28:28Z</cp:lastPrinted>
  <dcterms:created xsi:type="dcterms:W3CDTF">2017-04-21T05:51:15Z</dcterms:created>
  <dcterms:modified xsi:type="dcterms:W3CDTF">2025-03-11T09:33:32Z</dcterms:modified>
</cp:coreProperties>
</file>